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39【岩田】\"/>
    </mc:Choice>
  </mc:AlternateContent>
  <xr:revisionPtr revIDLastSave="0" documentId="8_{69FFC2E0-C479-4569-B41B-ECC4C69B4FC6}" xr6:coauthVersionLast="47" xr6:coauthVersionMax="47" xr10:uidLastSave="{00000000-0000-0000-0000-000000000000}"/>
  <bookViews>
    <workbookView xWindow="2730" yWindow="795" windowWidth="19680" windowHeight="15405" xr2:uid="{F421FB0C-2301-47B6-9490-FEA639372E28}"/>
  </bookViews>
  <sheets>
    <sheet name="239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9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43" uniqueCount="33">
  <si>
    <t>名称№２３９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消火器点検・充填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各種消火器外観点検</t>
  </si>
  <si>
    <t>小型（５０型未満）　点検済証付</t>
  </si>
  <si>
    <t>本</t>
  </si>
  <si>
    <t>大型（５０型以上）　点検済証付</t>
  </si>
  <si>
    <t>自動車及び車両用　点検済証付</t>
  </si>
  <si>
    <t>各種消火器機能点検</t>
  </si>
  <si>
    <t>６型（放射試験なし）</t>
    <phoneticPr fontId="3"/>
  </si>
  <si>
    <t>２０型（放射試験なし）</t>
    <phoneticPr fontId="3"/>
  </si>
  <si>
    <t>２０型（放射試験あり）</t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DD98B57-62EF-4454-9D79-9AA043925573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17E8C6-9123-4278-AE23-0088EBE3F93D}">
  <sheetPr>
    <tabColor indexed="57"/>
  </sheetPr>
  <dimension ref="A1:J57"/>
  <sheetViews>
    <sheetView showZeros="0" tabSelected="1" view="pageBreakPreview" topLeftCell="A4" zoomScale="85" zoomScaleNormal="100" zoomScaleSheetLayoutView="85" workbookViewId="0">
      <selection activeCell="F14" sqref="F14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796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388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804</v>
      </c>
      <c r="G11" s="38"/>
      <c r="H11" s="33"/>
    </row>
    <row r="12" spans="1:10" ht="24.95" customHeight="1" x14ac:dyDescent="0.15">
      <c r="A12" s="26">
        <v>2</v>
      </c>
      <c r="B12" s="34" t="s">
        <v>17</v>
      </c>
      <c r="C12" s="35">
        <v>1</v>
      </c>
      <c r="D12" s="36" t="s">
        <v>18</v>
      </c>
      <c r="E12" s="37" t="s">
        <v>14</v>
      </c>
      <c r="F12" s="31">
        <v>1</v>
      </c>
      <c r="G12" s="38"/>
      <c r="H12" s="33"/>
    </row>
    <row r="13" spans="1:10" ht="24.95" customHeight="1" x14ac:dyDescent="0.15">
      <c r="A13" s="39">
        <v>2</v>
      </c>
      <c r="B13" s="40" t="s">
        <v>17</v>
      </c>
      <c r="C13" s="39">
        <v>2</v>
      </c>
      <c r="D13" s="41" t="s">
        <v>19</v>
      </c>
      <c r="E13" s="42" t="s">
        <v>14</v>
      </c>
      <c r="F13" s="43">
        <v>1</v>
      </c>
      <c r="G13" s="44"/>
      <c r="H13" s="45"/>
    </row>
    <row r="14" spans="1:10" ht="24.95" customHeight="1" x14ac:dyDescent="0.15">
      <c r="A14" s="26">
        <v>2</v>
      </c>
      <c r="B14" s="46" t="s">
        <v>17</v>
      </c>
      <c r="C14" s="26">
        <v>3</v>
      </c>
      <c r="D14" s="47" t="s">
        <v>20</v>
      </c>
      <c r="E14" s="48" t="s">
        <v>14</v>
      </c>
      <c r="F14" s="49">
        <v>1</v>
      </c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1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2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3</v>
      </c>
      <c r="H42" s="65"/>
    </row>
    <row r="43" spans="1:8" ht="20.100000000000001" customHeight="1" x14ac:dyDescent="0.15">
      <c r="A43" s="65"/>
      <c r="B43" s="65" t="s">
        <v>24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5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6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7</v>
      </c>
      <c r="E46" s="65"/>
      <c r="F46" s="65"/>
      <c r="G46" s="65"/>
      <c r="H46" s="66" t="s">
        <v>28</v>
      </c>
    </row>
    <row r="47" spans="1:8" ht="20.100000000000001" customHeight="1" x14ac:dyDescent="0.15">
      <c r="A47" s="65"/>
      <c r="B47" s="65"/>
      <c r="C47" s="65"/>
      <c r="D47" s="66" t="s">
        <v>29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0</v>
      </c>
      <c r="E49" s="65"/>
      <c r="F49" s="68"/>
      <c r="G49" s="65"/>
      <c r="H49" s="66" t="s">
        <v>28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1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2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H38">
    <cfRule type="expression" dxfId="1" priority="1" stopIfTrue="1">
      <formula>ISERROR(B9)</formula>
    </cfRule>
  </conditionalFormatting>
  <conditionalFormatting sqref="H39">
    <cfRule type="expression" dxfId="0" priority="2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9</vt:lpstr>
      <vt:lpstr>'239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10:14:47Z</dcterms:created>
  <dcterms:modified xsi:type="dcterms:W3CDTF">2026-02-10T10:15:07Z</dcterms:modified>
</cp:coreProperties>
</file>